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9"/>
  </p:notesMasterIdLst>
  <p:sldIdLst>
    <p:sldId id="343" r:id="rId2"/>
    <p:sldId id="348" r:id="rId3"/>
    <p:sldId id="352" r:id="rId4"/>
    <p:sldId id="349" r:id="rId5"/>
    <p:sldId id="350" r:id="rId6"/>
    <p:sldId id="353" r:id="rId7"/>
    <p:sldId id="351" r:id="rId8"/>
  </p:sldIdLst>
  <p:sldSz cx="12192000" cy="6858000"/>
  <p:notesSz cx="6858000" cy="9144000"/>
  <p:custDataLst>
    <p:tags r:id="rId10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90343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5806233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285184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7288877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hyperlink" Target="javascript:window.open('/next_lesson/11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Key Messages to Community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707042"/>
          </a:xfrm>
          <a:prstGeom prst="rect">
            <a:avLst/>
          </a:prstGeom>
        </p:spPr>
        <p:txBody>
          <a:bodyPr anchor="b">
            <a:normAutofit fontScale="9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b="1" i="0" u="none" strike="noStrike" dirty="0">
                <a:solidFill>
                  <a:srgbClr val="000000"/>
                </a:solidFill>
                <a:effectLst/>
              </a:rPr>
              <a:t>Information to share with the community when possible</a:t>
            </a:r>
          </a:p>
        </p:txBody>
      </p:sp>
      <p:pic>
        <p:nvPicPr>
          <p:cNvPr id="2" name="Picture 1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38398" y="232336"/>
            <a:ext cx="3094166" cy="1177305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1797626"/>
            <a:ext cx="7768867" cy="277437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Finally, here are a few messages that you should always make sure to share with the community to empower them to report misconducts when they happen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68642" y="1514007"/>
            <a:ext cx="2834662" cy="776115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316318" y="1394086"/>
            <a:ext cx="7958387" cy="334646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Humanitarian aid is free and should be given without exchange of favors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Staff have a duty to treat you with dignity and respect</a:t>
            </a:r>
            <a:r>
              <a:rPr lang="en-US" sz="2800" dirty="0" smtClean="0">
                <a:solidFill>
                  <a:schemeClr val="tx1"/>
                </a:solidFill>
              </a:rPr>
              <a:t>.</a:t>
            </a:r>
            <a:endParaRPr lang="en-US" sz="2800" dirty="0">
              <a:solidFill>
                <a:schemeClr val="tx1"/>
              </a:solidFill>
            </a:endParaRP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91022" y="644577"/>
            <a:ext cx="3379422" cy="92526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6123912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581891"/>
            <a:ext cx="7768867" cy="535131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smtClean="0">
                <a:solidFill>
                  <a:schemeClr val="tx1"/>
                </a:solidFill>
              </a:rPr>
              <a:t>If </a:t>
            </a:r>
            <a:r>
              <a:rPr lang="en-US" sz="2800" dirty="0">
                <a:solidFill>
                  <a:schemeClr val="tx1"/>
                </a:solidFill>
              </a:rPr>
              <a:t>you experience misconduct by any aid worker or related personnel, it is not your fault, and you have the right to report it directly to the organization or to a humanitarian worker you trust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When the misconduct constitutes criminal acts, you have the right also to report to the police.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91024" y="581891"/>
            <a:ext cx="3488921" cy="955248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243036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11079" y="901397"/>
            <a:ext cx="7768867" cy="5055205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ing incidents/concerns does not affect your access to services at any humanitarian organization.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>
                <a:solidFill>
                  <a:schemeClr val="tx1"/>
                </a:solidFill>
              </a:rPr>
              <a:t>Reports are handled safely &amp; confidentially. Your name or information will not be shared without your consent</a:t>
            </a:r>
            <a:r>
              <a:rPr lang="en-US" sz="2800" dirty="0" smtClean="0">
                <a:solidFill>
                  <a:schemeClr val="tx1"/>
                </a:solidFill>
              </a:rPr>
              <a:t>.</a:t>
            </a:r>
            <a:endParaRPr lang="en-US" sz="2800" dirty="0">
              <a:solidFill>
                <a:schemeClr val="tx1"/>
              </a:solidFill>
            </a:endParaRP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83861" y="241185"/>
            <a:ext cx="3004224" cy="1143083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657070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31001" y="1454046"/>
            <a:ext cx="7342638" cy="3288353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57200" indent="-457200">
              <a:buFont typeface="Arial" panose="020B0604020202020204" pitchFamily="34" charset="0"/>
              <a:buChar char="•"/>
            </a:pPr>
            <a:r>
              <a:rPr lang="en-US" sz="2800" dirty="0" smtClean="0">
                <a:solidFill>
                  <a:schemeClr val="tx1"/>
                </a:solidFill>
              </a:rPr>
              <a:t>Survivors </a:t>
            </a:r>
            <a:r>
              <a:rPr lang="en-US" sz="2800" dirty="0">
                <a:solidFill>
                  <a:schemeClr val="tx1"/>
                </a:solidFill>
              </a:rPr>
              <a:t>have the right to access safety, protection, psychosocial, medical, and legal support, and any other relevant services.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13152" y="0"/>
            <a:ext cx="3073951" cy="1169613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0011374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11536" y="536920"/>
            <a:ext cx="3488921" cy="955248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REEN_RECS_UPDATED" val="C:\Users\pc\Desktop\Nabad\safeguarding\en\lessons\barriers_reporting\"/>
  <p:tag name="ISPRING_RESOURCE_FOLDER" val="C:\Users\pc\Desktop\Nabad\safeguarding\en\lessons\barriers_reporting\"/>
  <p:tag name="ISPRING_PRESENTATION_PATH" val="C:\Users\pc\Desktop\Nabad\safeguarding\en\lessons\barriers_reporting.pptx"/>
  <p:tag name="ISPRING_ULTRA_SCORM_COURCE_TITLE" val="key_message_community"/>
  <p:tag name="ISPRING_PRESENTATION_TITLE" val="key_message_community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DC2995D2-DB41-4D52-8DA3-971C89F80179}:35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ICPk8_x4u9T5-UlfjzoZw&quot;,&quot;gi&quot;:&quot;U4djBiyrkBfdnM8zliu5SQ&quot;,&quot;ti&quot;:&quot;characters&quot;,&quot;vs&quot;:{&quot;f&quot;:[883,708],&quot;i&quot;:{&quot;d&quot;:&quot;-ICPk8_x4u9T5-UlfjzoZw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225F37F8-F936-4634-95A8-17805A18E1AF}:35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ICPk8_x4u9T5-UlfjzoZw&quot;,&quot;gi&quot;:&quot;U4djBiyrkBfdnM8zliu5SQ&quot;,&quot;ti&quot;:&quot;characters&quot;,&quot;vs&quot;:{&quot;f&quot;:[883,708],&quot;i&quot;:{&quot;d&quot;:&quot;-ICPk8_x4u9T5-UlfjzoZw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-ICPk8_x4u9T5-UlfjzoZw&quot;,&quot;gi&quot;:&quot;U4djBiyrkBfdnM8zliu5SQ&quot;,&quot;ti&quot;:&quot;characters&quot;,&quot;vs&quot;:{&quot;f&quot;:[883,708],&quot;i&quot;:{&quot;d&quot;:&quot;-ICPk8_x4u9T5-UlfjzoZw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C73621C1-D4EF-4C84-A47E-E3F0FA1EFBC1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5A1C97C3-B39F-4AC1-979F-0ABBC504667B}:349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G8g6HQpHBuu7TiEzpFaIoA&quot;,&quot;gi&quot;:&quot;7NRujdAcqMda7PRk4qjJGA&quot;,&quot;ti&quot;:&quot;characters&quot;,&quot;vs&quot;:{&quot;f&quot;:[3267,708],&quot;i&quot;:{&quot;d&quot;:&quot;G8g6HQpHBuu7TiEzpFaIo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168</TotalTime>
  <Words>186</Words>
  <Application>Microsoft Office PowerPoint</Application>
  <PresentationFormat>Widescreen</PresentationFormat>
  <Paragraphs>18</Paragraphs>
  <Slides>7</Slides>
  <Notes>7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7</vt:i4>
      </vt:variant>
    </vt:vector>
  </HeadingPairs>
  <TitlesOfParts>
    <vt:vector size="12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ey_message_community</dc:title>
  <dc:creator>pc</dc:creator>
  <cp:lastModifiedBy>Maher</cp:lastModifiedBy>
  <cp:revision>758</cp:revision>
  <dcterms:created xsi:type="dcterms:W3CDTF">2022-11-16T16:05:09Z</dcterms:created>
  <dcterms:modified xsi:type="dcterms:W3CDTF">2024-09-16T08:11:48Z</dcterms:modified>
</cp:coreProperties>
</file>